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DieseArbeitsmappe" defaultThemeVersion="124226"/>
  <mc:AlternateContent xmlns:mc="http://schemas.openxmlformats.org/markup-compatibility/2006">
    <mc:Choice Requires="x15">
      <x15ac:absPath xmlns:x15ac="http://schemas.microsoft.com/office/spreadsheetml/2010/11/ac" url="C:\Users\s10607\Desktop\"/>
    </mc:Choice>
  </mc:AlternateContent>
  <bookViews>
    <workbookView xWindow="0" yWindow="0" windowWidth="25200" windowHeight="11850"/>
  </bookViews>
  <sheets>
    <sheet name="Belegliste(n)" sheetId="1" r:id="rId1"/>
    <sheet name="Legende Belegliste" sheetId="2" r:id="rId2"/>
  </sheets>
  <definedNames>
    <definedName name="_xlnm._FilterDatabase" localSheetId="0" hidden="1">'Belegliste(n)'!$A$6:$H$6</definedName>
    <definedName name="AA_Nr">#REF!</definedName>
    <definedName name="Arbeitsamt">#REF!</definedName>
    <definedName name="DOK_NR">#REF!</definedName>
    <definedName name="_xlnm.Print_Area" localSheetId="1">'Legende Belegliste'!$A$1:$F$44</definedName>
    <definedName name="_xlnm.Print_Titles" localSheetId="0">'Belegliste(n)'!$4:$6</definedName>
    <definedName name="EURO">#REF!</definedName>
    <definedName name="FZbis">#REF!</definedName>
    <definedName name="FZvon">#REF!</definedName>
    <definedName name="P96AFG">#REF!</definedName>
    <definedName name="PLZ_ORT">#REF!</definedName>
    <definedName name="Straße">#REF!</definedName>
    <definedName name="TN">#REF!</definedName>
    <definedName name="Träger">#REF!</definedName>
  </definedNames>
  <calcPr calcId="145621" fullCalcOnLoad="1"/>
</workbook>
</file>

<file path=xl/comments1.xml><?xml version="1.0" encoding="utf-8"?>
<comments xmlns="http://schemas.openxmlformats.org/spreadsheetml/2006/main">
  <authors>
    <author>schnell</author>
  </authors>
  <commentList>
    <comment ref="H6" authorId="0" shapeId="0">
      <text>
        <r>
          <rPr>
            <b/>
            <sz val="8"/>
            <color indexed="81"/>
            <rFont val="Tahoma"/>
          </rPr>
          <t xml:space="preserve">Auswahl lt. Legende </t>
        </r>
        <r>
          <rPr>
            <sz val="8"/>
            <color indexed="81"/>
            <rFont val="Tahoma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82" uniqueCount="80">
  <si>
    <t>Projekt-Nr.</t>
  </si>
  <si>
    <t>Belegliste</t>
  </si>
  <si>
    <t xml:space="preserve">alle Einnahmen und Ausgaben in chronologischer Reihenfolge </t>
  </si>
  <si>
    <t>(Bei Bedarf weitere Zeilen einfügen!)</t>
  </si>
  <si>
    <t xml:space="preserve">lfd. Nr. </t>
  </si>
  <si>
    <t>Beleg-Nr.</t>
  </si>
  <si>
    <t>Belegdatum</t>
  </si>
  <si>
    <t>Zahlungsdatum*</t>
  </si>
  <si>
    <t>Betrag</t>
  </si>
  <si>
    <t>Zahlungsgrund / Verwendungszweck</t>
  </si>
  <si>
    <t>bzgl. Ausgabe:      Empfänger/in                  bzgl. Einnahme:    Mittelgebende/r</t>
  </si>
  <si>
    <t>Position</t>
  </si>
  <si>
    <t>* Hinweis: Als Zahlungsdatum ist bei unbar bezahlten Rechnungen (Überweisungen) das Datum der Wertstellung (siehe Kontoauszug) einzutragen!</t>
  </si>
  <si>
    <t>Für die Richtigkeit der Angaben:</t>
  </si>
  <si>
    <t>rechtsverbindliche Unterschrift(en)</t>
  </si>
  <si>
    <t>Legende zur Belegliste</t>
  </si>
  <si>
    <t>Bedeutung</t>
  </si>
  <si>
    <t xml:space="preserve">Ausgaben </t>
  </si>
  <si>
    <t>1.1</t>
  </si>
  <si>
    <t>Personalausgaben</t>
  </si>
  <si>
    <t>1.2</t>
  </si>
  <si>
    <t>Sachausgaben</t>
  </si>
  <si>
    <t>1.2.1</t>
  </si>
  <si>
    <t>Berufsgenossenschaft</t>
  </si>
  <si>
    <t>1.2.2</t>
  </si>
  <si>
    <t>Reisekosten innerhalb des Programms</t>
  </si>
  <si>
    <t>1.2.3</t>
  </si>
  <si>
    <t>Reisekosten, die dem TN erstattet werden</t>
  </si>
  <si>
    <t>1.2.4</t>
  </si>
  <si>
    <t>Unterkunft und Verpflegung</t>
  </si>
  <si>
    <t>1.2.5</t>
  </si>
  <si>
    <t>Honorare für Referenten / Dolmetscher</t>
  </si>
  <si>
    <t>1.2.6</t>
  </si>
  <si>
    <t>Honorare für externe Mitarbeiter/-innen</t>
  </si>
  <si>
    <t>1.2.7</t>
  </si>
  <si>
    <t>sonstige Honorarkosten</t>
  </si>
  <si>
    <t>1.2.8</t>
  </si>
  <si>
    <t>sonstige Mietkosten (Strom, Reinigung)</t>
  </si>
  <si>
    <t>1.2.9</t>
  </si>
  <si>
    <t>Raumkosten (Einzelveranstaltung)</t>
  </si>
  <si>
    <t>1.2.10</t>
  </si>
  <si>
    <t>Versicherungen (projektbezogene)</t>
  </si>
  <si>
    <t>1.2.11</t>
  </si>
  <si>
    <t>Mietleasing (für technische Geräte)</t>
  </si>
  <si>
    <t>1.2.12</t>
  </si>
  <si>
    <t>Porto</t>
  </si>
  <si>
    <t>1.2.13</t>
  </si>
  <si>
    <t>Telefon / Internet</t>
  </si>
  <si>
    <t>1.2.14</t>
  </si>
  <si>
    <t>Bürobedarf</t>
  </si>
  <si>
    <t>1.2.15</t>
  </si>
  <si>
    <t>Arbeitsmaterial</t>
  </si>
  <si>
    <t>1.2.16</t>
  </si>
  <si>
    <t>Zeitschriften und Bücher (projektbezogene)</t>
  </si>
  <si>
    <t>1.2.17</t>
  </si>
  <si>
    <t>geringwertige Wirtschaftsgüter (&lt;410 EUR)</t>
  </si>
  <si>
    <t>1.2.18</t>
  </si>
  <si>
    <t>Mietausgaben</t>
  </si>
  <si>
    <t>1.2.19</t>
  </si>
  <si>
    <t>Ausgaben für Veröffentlichungen</t>
  </si>
  <si>
    <t>1.2.20</t>
  </si>
  <si>
    <t>individuelle Kostenposition lt. Antrag</t>
  </si>
  <si>
    <t>1.2.21</t>
  </si>
  <si>
    <t>1.3</t>
  </si>
  <si>
    <t>Investitionen</t>
  </si>
  <si>
    <t>Einnahmen</t>
  </si>
  <si>
    <t>2.1</t>
  </si>
  <si>
    <t>Eigenmittel</t>
  </si>
  <si>
    <t>2.2</t>
  </si>
  <si>
    <t>öffentl. Zuschüsse: EU-Mittel</t>
  </si>
  <si>
    <t>2.3</t>
  </si>
  <si>
    <t>öffentl. Zuschüsse: Bundesland</t>
  </si>
  <si>
    <t>2.4</t>
  </si>
  <si>
    <t>öffentl. Zuschüsse: Städte / Kreise</t>
  </si>
  <si>
    <t>2.5</t>
  </si>
  <si>
    <t>andere Drittmittel</t>
  </si>
  <si>
    <t>2.6</t>
  </si>
  <si>
    <t>sonstige Einnahmen / Erlöse</t>
  </si>
  <si>
    <t>2.7</t>
  </si>
  <si>
    <t>Bundesmitte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4" formatCode="_-* #,##0.00\ [$€-1]_-;\-* #,##0.00\ [$€-1]_-;_-* &quot;-&quot;??\ [$€-1]_-"/>
    <numFmt numFmtId="180" formatCode="#,##0.00\ &quot;€&quot;"/>
  </numFmts>
  <fonts count="31" x14ac:knownFonts="1">
    <font>
      <sz val="10"/>
      <name val="Arial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b/>
      <sz val="11"/>
      <color indexed="63"/>
      <name val="Calibri"/>
      <family val="2"/>
    </font>
    <font>
      <b/>
      <sz val="11"/>
      <color indexed="52"/>
      <name val="Calibri"/>
      <family val="2"/>
    </font>
    <font>
      <sz val="10"/>
      <name val="Arial"/>
    </font>
    <font>
      <sz val="11"/>
      <color indexed="62"/>
      <name val="Calibri"/>
      <family val="2"/>
    </font>
    <font>
      <b/>
      <sz val="11"/>
      <color indexed="8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sz val="11"/>
      <color indexed="60"/>
      <name val="Calibri"/>
      <family val="2"/>
    </font>
    <font>
      <sz val="11"/>
      <color indexed="20"/>
      <name val="Calibri"/>
      <family val="2"/>
    </font>
    <font>
      <b/>
      <sz val="18"/>
      <color indexed="56"/>
      <name val="Cambria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52"/>
      <name val="Calibri"/>
      <family val="2"/>
    </font>
    <font>
      <sz val="11"/>
      <color indexed="10"/>
      <name val="Calibri"/>
      <family val="2"/>
    </font>
    <font>
      <b/>
      <sz val="11"/>
      <color indexed="9"/>
      <name val="Calibri"/>
      <family val="2"/>
    </font>
    <font>
      <sz val="8"/>
      <name val="Arial"/>
    </font>
    <font>
      <b/>
      <sz val="9"/>
      <name val="Arial"/>
      <family val="2"/>
    </font>
    <font>
      <sz val="9"/>
      <name val="Arial"/>
      <family val="2"/>
    </font>
    <font>
      <b/>
      <sz val="10"/>
      <name val="Arial"/>
      <family val="2"/>
    </font>
    <font>
      <b/>
      <u/>
      <sz val="12"/>
      <name val="Arial"/>
      <family val="2"/>
    </font>
    <font>
      <b/>
      <sz val="14"/>
      <name val="Arial"/>
      <family val="2"/>
    </font>
    <font>
      <b/>
      <sz val="12"/>
      <name val="Arial"/>
      <family val="2"/>
    </font>
    <font>
      <sz val="10"/>
      <name val="Arial"/>
      <family val="2"/>
    </font>
    <font>
      <b/>
      <sz val="8"/>
      <color indexed="81"/>
      <name val="Tahoma"/>
    </font>
    <font>
      <sz val="8"/>
      <color indexed="81"/>
      <name val="Tahoma"/>
    </font>
    <font>
      <b/>
      <sz val="11"/>
      <name val="Arial"/>
      <family val="2"/>
    </font>
    <font>
      <sz val="12"/>
      <name val="Arial"/>
      <family val="2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55"/>
      </patternFill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43"/>
        <bgColor indexed="64"/>
      </patternFill>
    </fill>
  </fills>
  <borders count="43">
    <border>
      <left/>
      <right/>
      <top/>
      <bottom/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45">
    <xf numFmtId="0" fontId="0" fillId="0" borderId="0"/>
    <xf numFmtId="0" fontId="1" fillId="2" borderId="0" applyNumberFormat="0" applyBorder="0" applyAlignment="0" applyProtection="0"/>
    <xf numFmtId="0" fontId="1" fillId="3" borderId="0" applyNumberFormat="0" applyBorder="0" applyAlignment="0" applyProtection="0"/>
    <xf numFmtId="0" fontId="1" fillId="4" borderId="0" applyNumberFormat="0" applyBorder="0" applyAlignment="0" applyProtection="0"/>
    <xf numFmtId="0" fontId="1" fillId="5" borderId="0" applyNumberFormat="0" applyBorder="0" applyAlignment="0" applyProtection="0"/>
    <xf numFmtId="0" fontId="1" fillId="6" borderId="0" applyNumberFormat="0" applyBorder="0" applyAlignment="0" applyProtection="0"/>
    <xf numFmtId="0" fontId="1" fillId="7" borderId="0" applyNumberFormat="0" applyBorder="0" applyAlignment="0" applyProtection="0"/>
    <xf numFmtId="0" fontId="1" fillId="8" borderId="0" applyNumberFormat="0" applyBorder="0" applyAlignment="0" applyProtection="0"/>
    <xf numFmtId="0" fontId="1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5" borderId="0" applyNumberFormat="0" applyBorder="0" applyAlignment="0" applyProtection="0"/>
    <xf numFmtId="0" fontId="1" fillId="8" borderId="0" applyNumberFormat="0" applyBorder="0" applyAlignment="0" applyProtection="0"/>
    <xf numFmtId="0" fontId="1" fillId="11" borderId="0" applyNumberFormat="0" applyBorder="0" applyAlignment="0" applyProtection="0"/>
    <xf numFmtId="0" fontId="2" fillId="12" borderId="0" applyNumberFormat="0" applyBorder="0" applyAlignment="0" applyProtection="0"/>
    <xf numFmtId="0" fontId="2" fillId="9" borderId="0" applyNumberFormat="0" applyBorder="0" applyAlignment="0" applyProtection="0"/>
    <xf numFmtId="0" fontId="2" fillId="10" borderId="0" applyNumberFormat="0" applyBorder="0" applyAlignment="0" applyProtection="0"/>
    <xf numFmtId="0" fontId="2" fillId="13" borderId="0" applyNumberFormat="0" applyBorder="0" applyAlignment="0" applyProtection="0"/>
    <xf numFmtId="0" fontId="2" fillId="14" borderId="0" applyNumberFormat="0" applyBorder="0" applyAlignment="0" applyProtection="0"/>
    <xf numFmtId="0" fontId="2" fillId="15" borderId="0" applyNumberFormat="0" applyBorder="0" applyAlignment="0" applyProtection="0"/>
    <xf numFmtId="0" fontId="2" fillId="16" borderId="0" applyNumberFormat="0" applyBorder="0" applyAlignment="0" applyProtection="0"/>
    <xf numFmtId="0" fontId="2" fillId="17" borderId="0" applyNumberFormat="0" applyBorder="0" applyAlignment="0" applyProtection="0"/>
    <xf numFmtId="0" fontId="2" fillId="18" borderId="0" applyNumberFormat="0" applyBorder="0" applyAlignment="0" applyProtection="0"/>
    <xf numFmtId="0" fontId="2" fillId="13" borderId="0" applyNumberFormat="0" applyBorder="0" applyAlignment="0" applyProtection="0"/>
    <xf numFmtId="0" fontId="2" fillId="14" borderId="0" applyNumberFormat="0" applyBorder="0" applyAlignment="0" applyProtection="0"/>
    <xf numFmtId="0" fontId="2" fillId="19" borderId="0" applyNumberFormat="0" applyBorder="0" applyAlignment="0" applyProtection="0"/>
    <xf numFmtId="0" fontId="3" fillId="20" borderId="1" applyNumberFormat="0" applyAlignment="0" applyProtection="0"/>
    <xf numFmtId="0" fontId="4" fillId="20" borderId="2" applyNumberFormat="0" applyAlignment="0" applyProtection="0"/>
    <xf numFmtId="0" fontId="6" fillId="7" borderId="2" applyNumberFormat="0" applyAlignment="0" applyProtection="0"/>
    <xf numFmtId="0" fontId="7" fillId="0" borderId="3" applyNumberFormat="0" applyFill="0" applyAlignment="0" applyProtection="0"/>
    <xf numFmtId="0" fontId="8" fillId="0" borderId="0" applyNumberFormat="0" applyFill="0" applyBorder="0" applyAlignment="0" applyProtection="0"/>
    <xf numFmtId="174" fontId="5" fillId="0" borderId="0" applyFont="0" applyFill="0" applyBorder="0" applyAlignment="0" applyProtection="0"/>
    <xf numFmtId="0" fontId="9" fillId="4" borderId="0" applyNumberFormat="0" applyBorder="0" applyAlignment="0" applyProtection="0"/>
    <xf numFmtId="0" fontId="10" fillId="21" borderId="0" applyNumberFormat="0" applyBorder="0" applyAlignment="0" applyProtection="0"/>
    <xf numFmtId="0" fontId="1" fillId="22" borderId="4" applyNumberFormat="0" applyFont="0" applyAlignment="0" applyProtection="0"/>
    <xf numFmtId="0" fontId="11" fillId="3" borderId="0" applyNumberFormat="0" applyBorder="0" applyAlignment="0" applyProtection="0"/>
    <xf numFmtId="0" fontId="19" fillId="0" borderId="0"/>
    <xf numFmtId="0" fontId="19" fillId="0" borderId="0"/>
    <xf numFmtId="0" fontId="12" fillId="0" borderId="0" applyNumberFormat="0" applyFill="0" applyBorder="0" applyAlignment="0" applyProtection="0"/>
    <xf numFmtId="0" fontId="13" fillId="0" borderId="5" applyNumberFormat="0" applyFill="0" applyAlignment="0" applyProtection="0"/>
    <xf numFmtId="0" fontId="14" fillId="0" borderId="6" applyNumberFormat="0" applyFill="0" applyAlignment="0" applyProtection="0"/>
    <xf numFmtId="0" fontId="15" fillId="0" borderId="7" applyNumberFormat="0" applyFill="0" applyAlignment="0" applyProtection="0"/>
    <xf numFmtId="0" fontId="15" fillId="0" borderId="0" applyNumberFormat="0" applyFill="0" applyBorder="0" applyAlignment="0" applyProtection="0"/>
    <xf numFmtId="0" fontId="16" fillId="0" borderId="8" applyNumberFormat="0" applyFill="0" applyAlignment="0" applyProtection="0"/>
    <xf numFmtId="0" fontId="17" fillId="0" borderId="0" applyNumberFormat="0" applyFill="0" applyBorder="0" applyAlignment="0" applyProtection="0"/>
    <xf numFmtId="0" fontId="18" fillId="23" borderId="9" applyNumberFormat="0" applyAlignment="0" applyProtection="0"/>
  </cellStyleXfs>
  <cellXfs count="81">
    <xf numFmtId="0" fontId="0" fillId="0" borderId="0" xfId="0"/>
    <xf numFmtId="0" fontId="20" fillId="0" borderId="0" xfId="0" applyFont="1" applyAlignment="1">
      <alignment horizontal="left" wrapText="1"/>
    </xf>
    <xf numFmtId="0" fontId="21" fillId="0" borderId="0" xfId="0" applyFont="1" applyAlignment="1">
      <alignment horizontal="left" wrapText="1"/>
    </xf>
    <xf numFmtId="0" fontId="23" fillId="0" borderId="0" xfId="0" applyFont="1" applyAlignment="1">
      <alignment horizontal="center"/>
    </xf>
    <xf numFmtId="0" fontId="0" fillId="0" borderId="0" xfId="0" applyFill="1" applyProtection="1"/>
    <xf numFmtId="0" fontId="0" fillId="0" borderId="0" xfId="0" applyProtection="1"/>
    <xf numFmtId="0" fontId="26" fillId="0" borderId="0" xfId="0" applyFont="1" applyProtection="1"/>
    <xf numFmtId="0" fontId="20" fillId="0" borderId="0" xfId="0" applyFont="1"/>
    <xf numFmtId="1" fontId="21" fillId="0" borderId="10" xfId="0" applyNumberFormat="1" applyFont="1" applyFill="1" applyBorder="1" applyProtection="1">
      <protection locked="0"/>
    </xf>
    <xf numFmtId="49" fontId="21" fillId="0" borderId="11" xfId="0" applyNumberFormat="1" applyFont="1" applyFill="1" applyBorder="1" applyProtection="1">
      <protection locked="0"/>
    </xf>
    <xf numFmtId="14" fontId="21" fillId="0" borderId="12" xfId="0" applyNumberFormat="1" applyFont="1" applyFill="1" applyBorder="1" applyProtection="1">
      <protection locked="0"/>
    </xf>
    <xf numFmtId="180" fontId="21" fillId="0" borderId="12" xfId="0" applyNumberFormat="1" applyFont="1" applyFill="1" applyBorder="1" applyProtection="1">
      <protection locked="0"/>
    </xf>
    <xf numFmtId="49" fontId="21" fillId="0" borderId="12" xfId="0" applyNumberFormat="1" applyFont="1" applyFill="1" applyBorder="1" applyProtection="1">
      <protection locked="0"/>
    </xf>
    <xf numFmtId="49" fontId="21" fillId="0" borderId="13" xfId="0" applyNumberFormat="1" applyFont="1" applyFill="1" applyBorder="1" applyProtection="1">
      <protection locked="0"/>
    </xf>
    <xf numFmtId="0" fontId="0" fillId="0" borderId="0" xfId="0" applyFill="1" applyBorder="1"/>
    <xf numFmtId="1" fontId="21" fillId="0" borderId="14" xfId="0" applyNumberFormat="1" applyFont="1" applyFill="1" applyBorder="1" applyProtection="1">
      <protection locked="0"/>
    </xf>
    <xf numFmtId="49" fontId="21" fillId="0" borderId="15" xfId="0" applyNumberFormat="1" applyFont="1" applyFill="1" applyBorder="1" applyProtection="1">
      <protection locked="0"/>
    </xf>
    <xf numFmtId="14" fontId="21" fillId="0" borderId="16" xfId="0" applyNumberFormat="1" applyFont="1" applyFill="1" applyBorder="1" applyProtection="1">
      <protection locked="0"/>
    </xf>
    <xf numFmtId="180" fontId="21" fillId="0" borderId="16" xfId="0" applyNumberFormat="1" applyFont="1" applyFill="1" applyBorder="1" applyProtection="1">
      <protection locked="0"/>
    </xf>
    <xf numFmtId="49" fontId="21" fillId="0" borderId="16" xfId="0" applyNumberFormat="1" applyFont="1" applyFill="1" applyBorder="1" applyProtection="1">
      <protection locked="0"/>
    </xf>
    <xf numFmtId="49" fontId="21" fillId="0" borderId="17" xfId="0" applyNumberFormat="1" applyFont="1" applyFill="1" applyBorder="1" applyProtection="1">
      <protection locked="0"/>
    </xf>
    <xf numFmtId="1" fontId="21" fillId="0" borderId="18" xfId="0" applyNumberFormat="1" applyFont="1" applyFill="1" applyBorder="1" applyProtection="1">
      <protection locked="0"/>
    </xf>
    <xf numFmtId="49" fontId="21" fillId="0" borderId="19" xfId="0" applyNumberFormat="1" applyFont="1" applyFill="1" applyBorder="1" applyProtection="1">
      <protection locked="0"/>
    </xf>
    <xf numFmtId="14" fontId="21" fillId="0" borderId="20" xfId="0" applyNumberFormat="1" applyFont="1" applyFill="1" applyBorder="1" applyProtection="1">
      <protection locked="0"/>
    </xf>
    <xf numFmtId="180" fontId="21" fillId="0" borderId="20" xfId="0" applyNumberFormat="1" applyFont="1" applyFill="1" applyBorder="1" applyProtection="1">
      <protection locked="0"/>
    </xf>
    <xf numFmtId="49" fontId="21" fillId="0" borderId="20" xfId="0" applyNumberFormat="1" applyFont="1" applyFill="1" applyBorder="1" applyProtection="1">
      <protection locked="0"/>
    </xf>
    <xf numFmtId="49" fontId="21" fillId="0" borderId="21" xfId="0" applyNumberFormat="1" applyFont="1" applyFill="1" applyBorder="1" applyProtection="1">
      <protection locked="0"/>
    </xf>
    <xf numFmtId="0" fontId="22" fillId="0" borderId="0" xfId="0" applyFont="1" applyFill="1" applyBorder="1" applyProtection="1">
      <protection locked="0"/>
    </xf>
    <xf numFmtId="180" fontId="22" fillId="0" borderId="0" xfId="0" applyNumberFormat="1" applyFont="1" applyFill="1" applyBorder="1" applyProtection="1">
      <protection locked="0"/>
    </xf>
    <xf numFmtId="0" fontId="22" fillId="0" borderId="0" xfId="0" applyFont="1" applyFill="1" applyBorder="1"/>
    <xf numFmtId="0" fontId="0" fillId="0" borderId="0" xfId="0" applyFill="1" applyBorder="1" applyProtection="1">
      <protection locked="0"/>
    </xf>
    <xf numFmtId="0" fontId="0" fillId="0" borderId="0" xfId="0" applyProtection="1">
      <protection locked="0"/>
    </xf>
    <xf numFmtId="0" fontId="25" fillId="0" borderId="0" xfId="0" applyFont="1" applyAlignment="1">
      <alignment horizontal="center"/>
    </xf>
    <xf numFmtId="0" fontId="0" fillId="0" borderId="0" xfId="0" applyAlignment="1">
      <alignment horizontal="center"/>
    </xf>
    <xf numFmtId="0" fontId="0" fillId="0" borderId="0" xfId="0" applyBorder="1"/>
    <xf numFmtId="0" fontId="25" fillId="24" borderId="22" xfId="0" applyFont="1" applyFill="1" applyBorder="1" applyAlignment="1">
      <alignment horizontal="center"/>
    </xf>
    <xf numFmtId="0" fontId="25" fillId="0" borderId="23" xfId="0" applyFont="1" applyBorder="1" applyAlignment="1">
      <alignment horizontal="center"/>
    </xf>
    <xf numFmtId="0" fontId="25" fillId="0" borderId="0" xfId="0" applyFont="1" applyBorder="1" applyAlignment="1">
      <alignment horizontal="center"/>
    </xf>
    <xf numFmtId="0" fontId="25" fillId="0" borderId="24" xfId="0" applyFont="1" applyBorder="1" applyAlignment="1">
      <alignment horizontal="center"/>
    </xf>
    <xf numFmtId="0" fontId="24" fillId="0" borderId="23" xfId="0" applyFont="1" applyBorder="1" applyAlignment="1">
      <alignment horizontal="left"/>
    </xf>
    <xf numFmtId="49" fontId="25" fillId="0" borderId="25" xfId="35" applyNumberFormat="1" applyFont="1" applyBorder="1" applyAlignment="1" applyProtection="1">
      <alignment horizontal="left" vertical="center"/>
    </xf>
    <xf numFmtId="49" fontId="25" fillId="0" borderId="26" xfId="0" applyNumberFormat="1" applyFont="1" applyBorder="1"/>
    <xf numFmtId="49" fontId="30" fillId="0" borderId="27" xfId="36" applyNumberFormat="1" applyFont="1" applyFill="1" applyBorder="1"/>
    <xf numFmtId="0" fontId="30" fillId="0" borderId="23" xfId="35" applyFont="1" applyBorder="1" applyAlignment="1" applyProtection="1">
      <alignment horizontal="left" vertical="center"/>
    </xf>
    <xf numFmtId="0" fontId="20" fillId="0" borderId="0" xfId="36" applyFont="1" applyFill="1" applyBorder="1" applyAlignment="1" applyProtection="1">
      <alignment horizontal="left"/>
      <protection locked="0"/>
    </xf>
    <xf numFmtId="0" fontId="20" fillId="0" borderId="24" xfId="36" applyFont="1" applyFill="1" applyBorder="1" applyAlignment="1" applyProtection="1">
      <alignment horizontal="left"/>
      <protection locked="0"/>
    </xf>
    <xf numFmtId="0" fontId="24" fillId="0" borderId="0" xfId="0" applyFont="1" applyBorder="1"/>
    <xf numFmtId="0" fontId="0" fillId="0" borderId="24" xfId="0" applyBorder="1"/>
    <xf numFmtId="49" fontId="30" fillId="0" borderId="26" xfId="35" applyNumberFormat="1" applyFont="1" applyBorder="1" applyAlignment="1" applyProtection="1">
      <alignment horizontal="left" vertical="center"/>
    </xf>
    <xf numFmtId="49" fontId="30" fillId="0" borderId="27" xfId="35" applyNumberFormat="1" applyFont="1" applyBorder="1" applyAlignment="1" applyProtection="1">
      <alignment horizontal="left" vertical="center"/>
    </xf>
    <xf numFmtId="49" fontId="30" fillId="0" borderId="28" xfId="35" applyNumberFormat="1" applyFont="1" applyBorder="1" applyAlignment="1" applyProtection="1">
      <alignment horizontal="left" vertical="center"/>
    </xf>
    <xf numFmtId="0" fontId="20" fillId="25" borderId="29" xfId="0" applyFont="1" applyFill="1" applyBorder="1" applyAlignment="1" applyProtection="1">
      <alignment horizontal="center" vertical="center" wrapText="1"/>
      <protection locked="0"/>
    </xf>
    <xf numFmtId="0" fontId="20" fillId="25" borderId="29" xfId="0" applyFont="1" applyFill="1" applyBorder="1" applyAlignment="1" applyProtection="1">
      <alignment horizontal="center" vertical="center"/>
      <protection locked="0"/>
    </xf>
    <xf numFmtId="0" fontId="20" fillId="25" borderId="29" xfId="0" applyFont="1" applyFill="1" applyBorder="1" applyAlignment="1" applyProtection="1">
      <alignment horizontal="center" wrapText="1"/>
      <protection locked="0"/>
    </xf>
    <xf numFmtId="0" fontId="20" fillId="25" borderId="29" xfId="0" applyFont="1" applyFill="1" applyBorder="1" applyAlignment="1" applyProtection="1">
      <alignment horizontal="left" wrapText="1"/>
      <protection locked="0"/>
    </xf>
    <xf numFmtId="0" fontId="20" fillId="24" borderId="29" xfId="0" applyFont="1" applyFill="1" applyBorder="1" applyAlignment="1" applyProtection="1">
      <alignment horizontal="center" vertical="center"/>
      <protection locked="0"/>
    </xf>
    <xf numFmtId="2" fontId="22" fillId="26" borderId="30" xfId="0" applyNumberFormat="1" applyFont="1" applyFill="1" applyBorder="1" applyAlignment="1" applyProtection="1">
      <alignment horizontal="center"/>
      <protection locked="0"/>
    </xf>
    <xf numFmtId="0" fontId="0" fillId="26" borderId="31" xfId="0" applyFill="1" applyBorder="1" applyProtection="1">
      <protection locked="0"/>
    </xf>
    <xf numFmtId="0" fontId="0" fillId="26" borderId="0" xfId="0" applyFill="1" applyAlignment="1" applyProtection="1">
      <protection locked="0"/>
    </xf>
    <xf numFmtId="0" fontId="0" fillId="0" borderId="32" xfId="0" applyBorder="1" applyAlignment="1" applyProtection="1">
      <protection locked="0"/>
    </xf>
    <xf numFmtId="0" fontId="25" fillId="0" borderId="0" xfId="0" applyFont="1" applyAlignment="1" applyProtection="1">
      <alignment horizontal="center"/>
    </xf>
    <xf numFmtId="0" fontId="24" fillId="0" borderId="0" xfId="0" applyFont="1" applyAlignment="1">
      <alignment horizontal="center"/>
    </xf>
    <xf numFmtId="0" fontId="26" fillId="0" borderId="0" xfId="0" applyFont="1" applyAlignment="1" applyProtection="1">
      <alignment horizontal="center"/>
    </xf>
    <xf numFmtId="0" fontId="26" fillId="0" borderId="29" xfId="0" applyFont="1" applyFill="1" applyBorder="1" applyAlignment="1">
      <alignment horizontal="left"/>
    </xf>
    <xf numFmtId="0" fontId="26" fillId="0" borderId="33" xfId="0" applyFont="1" applyFill="1" applyBorder="1" applyAlignment="1">
      <alignment horizontal="left"/>
    </xf>
    <xf numFmtId="0" fontId="22" fillId="0" borderId="40" xfId="0" applyFont="1" applyFill="1" applyBorder="1" applyAlignment="1">
      <alignment horizontal="left"/>
    </xf>
    <xf numFmtId="0" fontId="22" fillId="0" borderId="41" xfId="0" applyFont="1" applyFill="1" applyBorder="1" applyAlignment="1">
      <alignment horizontal="left"/>
    </xf>
    <xf numFmtId="0" fontId="29" fillId="0" borderId="42" xfId="36" applyFont="1" applyFill="1" applyBorder="1" applyAlignment="1" applyProtection="1">
      <alignment horizontal="left"/>
      <protection locked="0"/>
    </xf>
    <xf numFmtId="0" fontId="29" fillId="0" borderId="34" xfId="36" applyFont="1" applyFill="1" applyBorder="1" applyAlignment="1" applyProtection="1">
      <alignment horizontal="left"/>
      <protection locked="0"/>
    </xf>
    <xf numFmtId="0" fontId="29" fillId="0" borderId="35" xfId="36" applyFont="1" applyFill="1" applyBorder="1" applyAlignment="1" applyProtection="1">
      <alignment horizontal="left"/>
      <protection locked="0"/>
    </xf>
    <xf numFmtId="0" fontId="26" fillId="0" borderId="36" xfId="0" applyFont="1" applyFill="1" applyBorder="1" applyAlignment="1">
      <alignment horizontal="left"/>
    </xf>
    <xf numFmtId="0" fontId="26" fillId="0" borderId="37" xfId="0" applyFont="1" applyFill="1" applyBorder="1" applyAlignment="1">
      <alignment horizontal="left"/>
    </xf>
    <xf numFmtId="0" fontId="25" fillId="0" borderId="22" xfId="0" applyFont="1" applyBorder="1" applyAlignment="1">
      <alignment horizontal="center"/>
    </xf>
    <xf numFmtId="0" fontId="25" fillId="0" borderId="34" xfId="0" applyFont="1" applyBorder="1" applyAlignment="1">
      <alignment horizontal="center"/>
    </xf>
    <xf numFmtId="0" fontId="25" fillId="0" borderId="35" xfId="0" applyFont="1" applyBorder="1" applyAlignment="1">
      <alignment horizontal="center"/>
    </xf>
    <xf numFmtId="0" fontId="24" fillId="0" borderId="0" xfId="0" applyFont="1" applyBorder="1" applyAlignment="1">
      <alignment horizontal="left"/>
    </xf>
    <xf numFmtId="0" fontId="24" fillId="0" borderId="24" xfId="0" applyFont="1" applyBorder="1" applyAlignment="1">
      <alignment horizontal="left"/>
    </xf>
    <xf numFmtId="0" fontId="29" fillId="0" borderId="36" xfId="0" applyFont="1" applyFill="1" applyBorder="1" applyAlignment="1">
      <alignment horizontal="left"/>
    </xf>
    <xf numFmtId="0" fontId="29" fillId="0" borderId="37" xfId="0" applyFont="1" applyFill="1" applyBorder="1" applyAlignment="1">
      <alignment horizontal="left"/>
    </xf>
    <xf numFmtId="0" fontId="29" fillId="0" borderId="38" xfId="0" applyFont="1" applyBorder="1" applyAlignment="1">
      <alignment horizontal="left"/>
    </xf>
    <xf numFmtId="0" fontId="29" fillId="0" borderId="39" xfId="0" applyFont="1" applyBorder="1" applyAlignment="1">
      <alignment horizontal="left"/>
    </xf>
  </cellXfs>
  <cellStyles count="45">
    <cellStyle name="20% - Akzent1" xfId="1"/>
    <cellStyle name="20% - Akzent2" xfId="2"/>
    <cellStyle name="20% - Akzent3" xfId="3"/>
    <cellStyle name="20% - Akzent4" xfId="4"/>
    <cellStyle name="20% - Akzent5" xfId="5"/>
    <cellStyle name="20% - Akzent6" xfId="6"/>
    <cellStyle name="40% - Akzent1" xfId="7"/>
    <cellStyle name="40% - Akzent2" xfId="8"/>
    <cellStyle name="40% - Akzent3" xfId="9"/>
    <cellStyle name="40% - Akzent4" xfId="10"/>
    <cellStyle name="40% - Akzent5" xfId="11"/>
    <cellStyle name="40% - Akzent6" xfId="12"/>
    <cellStyle name="60% - Akzent1" xfId="13"/>
    <cellStyle name="60% - Akzent2" xfId="14"/>
    <cellStyle name="60% - Akzent3" xfId="15"/>
    <cellStyle name="60% - Akzent4" xfId="16"/>
    <cellStyle name="60% - Akzent5" xfId="17"/>
    <cellStyle name="60% - Akzent6" xfId="18"/>
    <cellStyle name="Akzent1" xfId="19" builtinId="29" customBuiltin="1"/>
    <cellStyle name="Akzent2" xfId="20" builtinId="33" customBuiltin="1"/>
    <cellStyle name="Akzent3" xfId="21" builtinId="37" customBuiltin="1"/>
    <cellStyle name="Akzent4" xfId="22" builtinId="41" customBuiltin="1"/>
    <cellStyle name="Akzent5" xfId="23" builtinId="45" customBuiltin="1"/>
    <cellStyle name="Akzent6" xfId="24" builtinId="49" customBuiltin="1"/>
    <cellStyle name="Ausgabe" xfId="25" builtinId="21" customBuiltin="1"/>
    <cellStyle name="Berechnung" xfId="26" builtinId="22" customBuiltin="1"/>
    <cellStyle name="Eingabe" xfId="27" builtinId="20" customBuiltin="1"/>
    <cellStyle name="Ergebnis" xfId="28" builtinId="25" customBuiltin="1"/>
    <cellStyle name="Erklärender Text" xfId="29" builtinId="53" customBuiltin="1"/>
    <cellStyle name="Euro" xfId="30"/>
    <cellStyle name="Gut" xfId="31" builtinId="26" customBuiltin="1"/>
    <cellStyle name="Neutral" xfId="32" builtinId="28" customBuiltin="1"/>
    <cellStyle name="Notiz" xfId="33" builtinId="10" customBuiltin="1"/>
    <cellStyle name="Schlecht" xfId="34" builtinId="27" customBuiltin="1"/>
    <cellStyle name="Standard" xfId="0" builtinId="0"/>
    <cellStyle name="Standard_Modellprojekte 2007" xfId="35"/>
    <cellStyle name="Standard_Musterantrag Modellprojekte 2007" xfId="36"/>
    <cellStyle name="Überschrift" xfId="37" builtinId="15" customBuiltin="1"/>
    <cellStyle name="Überschrift 1" xfId="38" builtinId="16" customBuiltin="1"/>
    <cellStyle name="Überschrift 2" xfId="39" builtinId="17" customBuiltin="1"/>
    <cellStyle name="Überschrift 3" xfId="40" builtinId="18" customBuiltin="1"/>
    <cellStyle name="Überschrift 4" xfId="41" builtinId="19" customBuiltin="1"/>
    <cellStyle name="Verknüpfte Zelle" xfId="42" builtinId="24" customBuiltin="1"/>
    <cellStyle name="Warnender Text" xfId="43" builtinId="11" customBuiltin="1"/>
    <cellStyle name="Zelle überprüfen" xfId="44" builtinId="23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Tabelle1" filterMode="1"/>
  <dimension ref="A1:H75"/>
  <sheetViews>
    <sheetView showGridLines="0" tabSelected="1" view="pageLayout" zoomScaleNormal="100" workbookViewId="0">
      <selection activeCell="C7" sqref="C7"/>
    </sheetView>
  </sheetViews>
  <sheetFormatPr baseColWidth="10" defaultRowHeight="12.75" x14ac:dyDescent="0.2"/>
  <cols>
    <col min="1" max="1" width="6.42578125" customWidth="1"/>
    <col min="2" max="2" width="15.28515625" customWidth="1"/>
    <col min="3" max="3" width="12.7109375" bestFit="1" customWidth="1"/>
    <col min="4" max="4" width="14.85546875" bestFit="1" customWidth="1"/>
    <col min="5" max="5" width="14.28515625" customWidth="1"/>
    <col min="6" max="6" width="28.140625" customWidth="1"/>
    <col min="7" max="7" width="30.140625" customWidth="1"/>
    <col min="8" max="8" width="9.28515625" customWidth="1"/>
  </cols>
  <sheetData>
    <row r="1" spans="1:8" ht="15.75" x14ac:dyDescent="0.25">
      <c r="A1" s="1"/>
      <c r="B1" s="2" t="s">
        <v>0</v>
      </c>
      <c r="C1" s="56"/>
      <c r="D1" s="57"/>
      <c r="E1" s="3"/>
      <c r="G1" s="3"/>
      <c r="H1" s="3"/>
    </row>
    <row r="2" spans="1:8" s="4" customFormat="1" ht="18" x14ac:dyDescent="0.25">
      <c r="A2" s="61" t="s">
        <v>1</v>
      </c>
      <c r="B2" s="61"/>
      <c r="C2" s="61"/>
      <c r="D2" s="61"/>
      <c r="E2" s="61"/>
      <c r="F2" s="61"/>
      <c r="G2" s="61"/>
      <c r="H2" s="61"/>
    </row>
    <row r="3" spans="1:8" s="5" customFormat="1" ht="15.75" x14ac:dyDescent="0.25">
      <c r="A3" s="60" t="s">
        <v>2</v>
      </c>
      <c r="B3" s="60"/>
      <c r="C3" s="60"/>
      <c r="D3" s="60"/>
      <c r="E3" s="60"/>
      <c r="F3" s="60"/>
      <c r="G3" s="60"/>
      <c r="H3" s="60"/>
    </row>
    <row r="4" spans="1:8" s="6" customFormat="1" x14ac:dyDescent="0.2">
      <c r="A4" s="62" t="s">
        <v>3</v>
      </c>
      <c r="B4" s="62"/>
      <c r="C4" s="62"/>
      <c r="D4" s="62"/>
      <c r="E4" s="62"/>
      <c r="F4" s="62"/>
      <c r="G4" s="62"/>
    </row>
    <row r="5" spans="1:8" s="5" customFormat="1" x14ac:dyDescent="0.2"/>
    <row r="6" spans="1:8" s="7" customFormat="1" ht="25.5" customHeight="1" x14ac:dyDescent="0.2">
      <c r="A6" s="51" t="s">
        <v>4</v>
      </c>
      <c r="B6" s="51" t="s">
        <v>5</v>
      </c>
      <c r="C6" s="52" t="s">
        <v>6</v>
      </c>
      <c r="D6" s="52" t="s">
        <v>7</v>
      </c>
      <c r="E6" s="52" t="s">
        <v>8</v>
      </c>
      <c r="F6" s="53" t="s">
        <v>9</v>
      </c>
      <c r="G6" s="54" t="s">
        <v>10</v>
      </c>
      <c r="H6" s="55" t="s">
        <v>11</v>
      </c>
    </row>
    <row r="7" spans="1:8" s="14" customFormat="1" x14ac:dyDescent="0.2">
      <c r="A7" s="8"/>
      <c r="B7" s="9"/>
      <c r="C7" s="10"/>
      <c r="D7" s="10"/>
      <c r="E7" s="11"/>
      <c r="F7" s="12"/>
      <c r="G7" s="12"/>
      <c r="H7" s="13"/>
    </row>
    <row r="8" spans="1:8" s="14" customFormat="1" x14ac:dyDescent="0.2">
      <c r="A8" s="15"/>
      <c r="B8" s="16"/>
      <c r="C8" s="17"/>
      <c r="D8" s="17"/>
      <c r="E8" s="18"/>
      <c r="F8" s="19"/>
      <c r="G8" s="19"/>
      <c r="H8" s="20"/>
    </row>
    <row r="9" spans="1:8" s="14" customFormat="1" x14ac:dyDescent="0.2">
      <c r="A9" s="15"/>
      <c r="B9" s="16"/>
      <c r="C9" s="17"/>
      <c r="D9" s="17"/>
      <c r="E9" s="18"/>
      <c r="F9" s="19"/>
      <c r="G9" s="19"/>
      <c r="H9" s="20"/>
    </row>
    <row r="10" spans="1:8" s="14" customFormat="1" x14ac:dyDescent="0.2">
      <c r="A10" s="15"/>
      <c r="B10" s="16"/>
      <c r="C10" s="17"/>
      <c r="D10" s="17"/>
      <c r="E10" s="18"/>
      <c r="F10" s="19"/>
      <c r="G10" s="19"/>
      <c r="H10" s="20"/>
    </row>
    <row r="11" spans="1:8" s="14" customFormat="1" x14ac:dyDescent="0.2">
      <c r="A11" s="15"/>
      <c r="B11" s="16"/>
      <c r="C11" s="17"/>
      <c r="D11" s="17"/>
      <c r="E11" s="18"/>
      <c r="F11" s="19"/>
      <c r="G11" s="19"/>
      <c r="H11" s="20"/>
    </row>
    <row r="12" spans="1:8" s="14" customFormat="1" x14ac:dyDescent="0.2">
      <c r="A12" s="15"/>
      <c r="B12" s="16"/>
      <c r="C12" s="17"/>
      <c r="D12" s="17"/>
      <c r="E12" s="18"/>
      <c r="F12" s="19"/>
      <c r="G12" s="19"/>
      <c r="H12" s="20"/>
    </row>
    <row r="13" spans="1:8" s="14" customFormat="1" x14ac:dyDescent="0.2">
      <c r="A13" s="15"/>
      <c r="B13" s="16"/>
      <c r="C13" s="17"/>
      <c r="D13" s="17"/>
      <c r="E13" s="18"/>
      <c r="F13" s="19"/>
      <c r="G13" s="19"/>
      <c r="H13" s="20"/>
    </row>
    <row r="14" spans="1:8" s="14" customFormat="1" x14ac:dyDescent="0.2">
      <c r="A14" s="15"/>
      <c r="B14" s="16"/>
      <c r="C14" s="17"/>
      <c r="D14" s="17"/>
      <c r="E14" s="18"/>
      <c r="F14" s="19"/>
      <c r="G14" s="19"/>
      <c r="H14" s="20"/>
    </row>
    <row r="15" spans="1:8" s="14" customFormat="1" x14ac:dyDescent="0.2">
      <c r="A15" s="15"/>
      <c r="B15" s="16"/>
      <c r="C15" s="17"/>
      <c r="D15" s="17"/>
      <c r="E15" s="18"/>
      <c r="F15" s="19"/>
      <c r="G15" s="19"/>
      <c r="H15" s="20"/>
    </row>
    <row r="16" spans="1:8" s="14" customFormat="1" x14ac:dyDescent="0.2">
      <c r="A16" s="15"/>
      <c r="B16" s="16"/>
      <c r="C16" s="17"/>
      <c r="D16" s="17"/>
      <c r="E16" s="18"/>
      <c r="F16" s="19"/>
      <c r="G16" s="19"/>
      <c r="H16" s="20"/>
    </row>
    <row r="17" spans="1:8" s="14" customFormat="1" x14ac:dyDescent="0.2">
      <c r="A17" s="15"/>
      <c r="B17" s="16"/>
      <c r="C17" s="17"/>
      <c r="D17" s="17"/>
      <c r="E17" s="18"/>
      <c r="F17" s="19"/>
      <c r="G17" s="19"/>
      <c r="H17" s="20"/>
    </row>
    <row r="18" spans="1:8" s="14" customFormat="1" x14ac:dyDescent="0.2">
      <c r="A18" s="15"/>
      <c r="B18" s="16"/>
      <c r="C18" s="17"/>
      <c r="D18" s="17"/>
      <c r="E18" s="18"/>
      <c r="F18" s="19"/>
      <c r="G18" s="19"/>
      <c r="H18" s="20"/>
    </row>
    <row r="19" spans="1:8" s="14" customFormat="1" x14ac:dyDescent="0.2">
      <c r="A19" s="15"/>
      <c r="B19" s="16"/>
      <c r="C19" s="17"/>
      <c r="D19" s="17"/>
      <c r="E19" s="18"/>
      <c r="F19" s="19"/>
      <c r="G19" s="19"/>
      <c r="H19" s="20"/>
    </row>
    <row r="20" spans="1:8" s="14" customFormat="1" x14ac:dyDescent="0.2">
      <c r="A20" s="15"/>
      <c r="B20" s="16"/>
      <c r="C20" s="17"/>
      <c r="D20" s="17"/>
      <c r="E20" s="18"/>
      <c r="F20" s="19"/>
      <c r="G20" s="19"/>
      <c r="H20" s="20"/>
    </row>
    <row r="21" spans="1:8" s="14" customFormat="1" x14ac:dyDescent="0.2">
      <c r="A21" s="15"/>
      <c r="B21" s="16"/>
      <c r="C21" s="17"/>
      <c r="D21" s="17"/>
      <c r="E21" s="18"/>
      <c r="F21" s="19"/>
      <c r="G21" s="19"/>
      <c r="H21" s="20"/>
    </row>
    <row r="22" spans="1:8" s="14" customFormat="1" x14ac:dyDescent="0.2">
      <c r="A22" s="15"/>
      <c r="B22" s="16"/>
      <c r="C22" s="17"/>
      <c r="D22" s="17"/>
      <c r="E22" s="18"/>
      <c r="F22" s="19"/>
      <c r="G22" s="19"/>
      <c r="H22" s="20"/>
    </row>
    <row r="23" spans="1:8" s="14" customFormat="1" x14ac:dyDescent="0.2">
      <c r="A23" s="15"/>
      <c r="B23" s="16"/>
      <c r="C23" s="17"/>
      <c r="D23" s="17"/>
      <c r="E23" s="18"/>
      <c r="F23" s="19"/>
      <c r="G23" s="19"/>
      <c r="H23" s="20"/>
    </row>
    <row r="24" spans="1:8" s="14" customFormat="1" x14ac:dyDescent="0.2">
      <c r="A24" s="15"/>
      <c r="B24" s="16"/>
      <c r="C24" s="17"/>
      <c r="D24" s="17"/>
      <c r="E24" s="18"/>
      <c r="F24" s="19"/>
      <c r="G24" s="19"/>
      <c r="H24" s="20"/>
    </row>
    <row r="25" spans="1:8" s="14" customFormat="1" x14ac:dyDescent="0.2">
      <c r="A25" s="15"/>
      <c r="B25" s="16"/>
      <c r="C25" s="17"/>
      <c r="D25" s="17"/>
      <c r="E25" s="18"/>
      <c r="F25" s="19"/>
      <c r="G25" s="19"/>
      <c r="H25" s="20"/>
    </row>
    <row r="26" spans="1:8" s="14" customFormat="1" x14ac:dyDescent="0.2">
      <c r="A26" s="15"/>
      <c r="B26" s="16"/>
      <c r="C26" s="17"/>
      <c r="D26" s="17"/>
      <c r="E26" s="18"/>
      <c r="F26" s="19"/>
      <c r="G26" s="19"/>
      <c r="H26" s="20"/>
    </row>
    <row r="27" spans="1:8" s="14" customFormat="1" x14ac:dyDescent="0.2">
      <c r="A27" s="15"/>
      <c r="B27" s="16"/>
      <c r="C27" s="17"/>
      <c r="D27" s="17"/>
      <c r="E27" s="18"/>
      <c r="F27" s="19"/>
      <c r="G27" s="19"/>
      <c r="H27" s="20"/>
    </row>
    <row r="28" spans="1:8" s="14" customFormat="1" x14ac:dyDescent="0.2">
      <c r="A28" s="15"/>
      <c r="B28" s="16"/>
      <c r="C28" s="17"/>
      <c r="D28" s="17"/>
      <c r="E28" s="18"/>
      <c r="F28" s="19"/>
      <c r="G28" s="19"/>
      <c r="H28" s="20"/>
    </row>
    <row r="29" spans="1:8" s="14" customFormat="1" x14ac:dyDescent="0.2">
      <c r="A29" s="15"/>
      <c r="B29" s="16"/>
      <c r="C29" s="17"/>
      <c r="D29" s="17"/>
      <c r="E29" s="18"/>
      <c r="F29" s="19"/>
      <c r="G29" s="19"/>
      <c r="H29" s="20"/>
    </row>
    <row r="30" spans="1:8" s="14" customFormat="1" x14ac:dyDescent="0.2">
      <c r="A30" s="15"/>
      <c r="B30" s="16"/>
      <c r="C30" s="17"/>
      <c r="D30" s="17"/>
      <c r="E30" s="18"/>
      <c r="F30" s="19"/>
      <c r="G30" s="19"/>
      <c r="H30" s="20"/>
    </row>
    <row r="31" spans="1:8" s="14" customFormat="1" x14ac:dyDescent="0.2">
      <c r="A31" s="21"/>
      <c r="B31" s="22"/>
      <c r="C31" s="23"/>
      <c r="D31" s="23"/>
      <c r="E31" s="24"/>
      <c r="F31" s="25"/>
      <c r="G31" s="25"/>
      <c r="H31" s="26"/>
    </row>
    <row r="32" spans="1:8" s="29" customFormat="1" x14ac:dyDescent="0.2">
      <c r="A32" s="27"/>
      <c r="B32" s="27"/>
      <c r="C32" s="27"/>
      <c r="D32" s="27"/>
      <c r="E32" s="28"/>
      <c r="F32" s="27"/>
      <c r="G32" s="27"/>
      <c r="H32" s="27"/>
    </row>
    <row r="33" spans="1:8" s="30" customFormat="1" x14ac:dyDescent="0.2">
      <c r="A33" s="30" t="s">
        <v>12</v>
      </c>
    </row>
    <row r="34" spans="1:8" x14ac:dyDescent="0.2">
      <c r="A34" s="31"/>
      <c r="B34" s="31"/>
      <c r="C34" s="31"/>
      <c r="D34" s="31"/>
      <c r="E34" s="31"/>
      <c r="F34" s="31"/>
      <c r="G34" s="31"/>
      <c r="H34" s="31"/>
    </row>
    <row r="35" spans="1:8" x14ac:dyDescent="0.2">
      <c r="A35" s="31"/>
      <c r="B35" s="31"/>
      <c r="C35" s="31"/>
      <c r="D35" s="31"/>
      <c r="E35" s="31"/>
      <c r="F35" s="31"/>
      <c r="G35" s="58"/>
      <c r="H35" s="31"/>
    </row>
    <row r="36" spans="1:8" s="30" customFormat="1" x14ac:dyDescent="0.2">
      <c r="F36" s="30" t="s">
        <v>13</v>
      </c>
      <c r="G36" s="59"/>
    </row>
    <row r="37" spans="1:8" s="30" customFormat="1" x14ac:dyDescent="0.2">
      <c r="G37" s="30" t="s">
        <v>14</v>
      </c>
    </row>
    <row r="38" spans="1:8" s="14" customFormat="1" x14ac:dyDescent="0.2">
      <c r="A38" s="30"/>
      <c r="B38" s="30"/>
      <c r="C38" s="30"/>
      <c r="D38" s="30"/>
      <c r="E38" s="30"/>
      <c r="F38" s="30"/>
      <c r="G38" s="30"/>
      <c r="H38" s="30"/>
    </row>
    <row r="39" spans="1:8" s="14" customFormat="1" x14ac:dyDescent="0.2"/>
    <row r="40" spans="1:8" s="14" customFormat="1" x14ac:dyDescent="0.2"/>
    <row r="41" spans="1:8" s="14" customFormat="1" x14ac:dyDescent="0.2"/>
    <row r="42" spans="1:8" s="14" customFormat="1" x14ac:dyDescent="0.2"/>
    <row r="43" spans="1:8" s="14" customFormat="1" x14ac:dyDescent="0.2"/>
    <row r="44" spans="1:8" s="14" customFormat="1" x14ac:dyDescent="0.2"/>
    <row r="45" spans="1:8" s="14" customFormat="1" x14ac:dyDescent="0.2"/>
    <row r="46" spans="1:8" s="14" customFormat="1" x14ac:dyDescent="0.2"/>
    <row r="47" spans="1:8" s="14" customFormat="1" x14ac:dyDescent="0.2"/>
    <row r="48" spans="1:8" s="14" customFormat="1" x14ac:dyDescent="0.2"/>
    <row r="49" s="14" customFormat="1" x14ac:dyDescent="0.2"/>
    <row r="50" s="14" customFormat="1" x14ac:dyDescent="0.2"/>
    <row r="51" s="14" customFormat="1" x14ac:dyDescent="0.2"/>
    <row r="52" s="14" customFormat="1" x14ac:dyDescent="0.2"/>
    <row r="53" s="14" customFormat="1" x14ac:dyDescent="0.2"/>
    <row r="54" s="14" customFormat="1" x14ac:dyDescent="0.2"/>
    <row r="55" s="14" customFormat="1" x14ac:dyDescent="0.2"/>
    <row r="56" s="14" customFormat="1" x14ac:dyDescent="0.2"/>
    <row r="57" s="14" customFormat="1" x14ac:dyDescent="0.2"/>
    <row r="58" s="14" customFormat="1" x14ac:dyDescent="0.2"/>
    <row r="59" s="14" customFormat="1" x14ac:dyDescent="0.2"/>
    <row r="60" s="14" customFormat="1" x14ac:dyDescent="0.2"/>
    <row r="61" s="14" customFormat="1" x14ac:dyDescent="0.2"/>
    <row r="62" s="14" customFormat="1" x14ac:dyDescent="0.2"/>
    <row r="63" s="14" customFormat="1" x14ac:dyDescent="0.2"/>
    <row r="64" s="14" customFormat="1" x14ac:dyDescent="0.2"/>
    <row r="65" s="14" customFormat="1" x14ac:dyDescent="0.2"/>
    <row r="66" s="14" customFormat="1" x14ac:dyDescent="0.2"/>
    <row r="67" s="14" customFormat="1" x14ac:dyDescent="0.2"/>
    <row r="68" s="14" customFormat="1" x14ac:dyDescent="0.2"/>
    <row r="69" s="14" customFormat="1" x14ac:dyDescent="0.2"/>
    <row r="70" s="14" customFormat="1" x14ac:dyDescent="0.2"/>
    <row r="71" s="14" customFormat="1" x14ac:dyDescent="0.2"/>
    <row r="72" s="14" customFormat="1" x14ac:dyDescent="0.2"/>
    <row r="73" s="14" customFormat="1" x14ac:dyDescent="0.2"/>
    <row r="74" s="14" customFormat="1" x14ac:dyDescent="0.2"/>
    <row r="75" s="14" customFormat="1" x14ac:dyDescent="0.2"/>
  </sheetData>
  <sheetProtection password="8D5E" sheet="1" insertRows="0" sort="0" autoFilter="0"/>
  <autoFilter ref="A6:H6">
    <filterColumn colId="0">
      <filters>
        <filter val="lfd. Nr."/>
      </filters>
    </filterColumn>
    <sortState ref="A7:H13">
      <sortCondition ref="A6"/>
    </sortState>
  </autoFilter>
  <mergeCells count="5">
    <mergeCell ref="C1:D1"/>
    <mergeCell ref="G35:G36"/>
    <mergeCell ref="A3:H3"/>
    <mergeCell ref="A2:H2"/>
    <mergeCell ref="A4:G4"/>
  </mergeCells>
  <phoneticPr fontId="19" type="noConversion"/>
  <pageMargins left="0.78740157480314965" right="0.78740157480314965" top="0.78740157480314965" bottom="0.78740157480314965" header="0.51181102362204722" footer="0.51181102362204722"/>
  <pageSetup paperSize="9" orientation="landscape" r:id="rId1"/>
  <headerFooter alignWithMargins="0">
    <oddFooter>&amp;R&amp;N</odd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Tabelle2">
    <tabColor indexed="9"/>
    <pageSetUpPr autoPageBreaks="0"/>
  </sheetPr>
  <dimension ref="A1:G38"/>
  <sheetViews>
    <sheetView showGridLines="0" showZeros="0" zoomScaleNormal="100" workbookViewId="0">
      <selection activeCell="B3" sqref="B3"/>
    </sheetView>
  </sheetViews>
  <sheetFormatPr baseColWidth="10" defaultRowHeight="12.75" x14ac:dyDescent="0.2"/>
  <cols>
    <col min="3" max="3" width="4.85546875" customWidth="1"/>
    <col min="4" max="4" width="11.5703125" customWidth="1"/>
    <col min="5" max="5" width="42.7109375" customWidth="1"/>
    <col min="6" max="6" width="9.7109375" customWidth="1"/>
  </cols>
  <sheetData>
    <row r="1" spans="1:7" ht="18" x14ac:dyDescent="0.25">
      <c r="A1" s="61" t="s">
        <v>15</v>
      </c>
      <c r="B1" s="61"/>
      <c r="C1" s="61"/>
      <c r="D1" s="61"/>
      <c r="E1" s="61"/>
      <c r="F1" s="61"/>
      <c r="G1" s="32"/>
    </row>
    <row r="2" spans="1:7" ht="13.5" thickBot="1" x14ac:dyDescent="0.25">
      <c r="G2" s="33"/>
    </row>
    <row r="3" spans="1:7" s="34" customFormat="1" ht="16.5" thickBot="1" x14ac:dyDescent="0.3">
      <c r="B3" s="35" t="s">
        <v>11</v>
      </c>
      <c r="C3" s="72" t="s">
        <v>16</v>
      </c>
      <c r="D3" s="73"/>
      <c r="E3" s="74"/>
    </row>
    <row r="4" spans="1:7" s="34" customFormat="1" ht="15.75" x14ac:dyDescent="0.25">
      <c r="B4" s="36"/>
      <c r="C4" s="37"/>
      <c r="D4" s="37"/>
      <c r="E4" s="38"/>
    </row>
    <row r="5" spans="1:7" s="34" customFormat="1" ht="18.75" thickBot="1" x14ac:dyDescent="0.3">
      <c r="B5" s="39">
        <v>1</v>
      </c>
      <c r="C5" s="75" t="s">
        <v>17</v>
      </c>
      <c r="D5" s="75"/>
      <c r="E5" s="76"/>
    </row>
    <row r="6" spans="1:7" s="34" customFormat="1" ht="16.5" thickBot="1" x14ac:dyDescent="0.3">
      <c r="B6" s="40" t="s">
        <v>18</v>
      </c>
      <c r="C6" s="79" t="s">
        <v>19</v>
      </c>
      <c r="D6" s="79"/>
      <c r="E6" s="80"/>
    </row>
    <row r="7" spans="1:7" s="34" customFormat="1" ht="15.75" x14ac:dyDescent="0.25">
      <c r="B7" s="41" t="s">
        <v>20</v>
      </c>
      <c r="C7" s="77" t="s">
        <v>21</v>
      </c>
      <c r="D7" s="77"/>
      <c r="E7" s="78"/>
    </row>
    <row r="8" spans="1:7" s="34" customFormat="1" ht="15" x14ac:dyDescent="0.2">
      <c r="B8" s="42" t="s">
        <v>22</v>
      </c>
      <c r="C8" s="63" t="s">
        <v>23</v>
      </c>
      <c r="D8" s="63"/>
      <c r="E8" s="64"/>
    </row>
    <row r="9" spans="1:7" s="34" customFormat="1" ht="15" x14ac:dyDescent="0.2">
      <c r="B9" s="42" t="s">
        <v>24</v>
      </c>
      <c r="C9" s="63" t="s">
        <v>25</v>
      </c>
      <c r="D9" s="63"/>
      <c r="E9" s="64"/>
    </row>
    <row r="10" spans="1:7" s="34" customFormat="1" ht="15" x14ac:dyDescent="0.2">
      <c r="B10" s="42" t="s">
        <v>26</v>
      </c>
      <c r="C10" s="63" t="s">
        <v>27</v>
      </c>
      <c r="D10" s="63"/>
      <c r="E10" s="64"/>
    </row>
    <row r="11" spans="1:7" s="34" customFormat="1" ht="15" x14ac:dyDescent="0.2">
      <c r="B11" s="42" t="s">
        <v>28</v>
      </c>
      <c r="C11" s="63" t="s">
        <v>29</v>
      </c>
      <c r="D11" s="63"/>
      <c r="E11" s="64"/>
    </row>
    <row r="12" spans="1:7" s="34" customFormat="1" ht="15" x14ac:dyDescent="0.2">
      <c r="B12" s="42" t="s">
        <v>30</v>
      </c>
      <c r="C12" s="63" t="s">
        <v>31</v>
      </c>
      <c r="D12" s="63"/>
      <c r="E12" s="64"/>
    </row>
    <row r="13" spans="1:7" s="34" customFormat="1" ht="15" x14ac:dyDescent="0.2">
      <c r="B13" s="42" t="s">
        <v>32</v>
      </c>
      <c r="C13" s="63" t="s">
        <v>33</v>
      </c>
      <c r="D13" s="63"/>
      <c r="E13" s="64"/>
    </row>
    <row r="14" spans="1:7" s="34" customFormat="1" ht="15" x14ac:dyDescent="0.2">
      <c r="B14" s="42" t="s">
        <v>34</v>
      </c>
      <c r="C14" s="63" t="s">
        <v>35</v>
      </c>
      <c r="D14" s="63"/>
      <c r="E14" s="64"/>
    </row>
    <row r="15" spans="1:7" s="34" customFormat="1" ht="15" x14ac:dyDescent="0.2">
      <c r="B15" s="42" t="s">
        <v>36</v>
      </c>
      <c r="C15" s="63" t="s">
        <v>37</v>
      </c>
      <c r="D15" s="63"/>
      <c r="E15" s="64"/>
    </row>
    <row r="16" spans="1:7" s="34" customFormat="1" ht="15" x14ac:dyDescent="0.2">
      <c r="B16" s="42" t="s">
        <v>38</v>
      </c>
      <c r="C16" s="63" t="s">
        <v>39</v>
      </c>
      <c r="D16" s="63"/>
      <c r="E16" s="64"/>
    </row>
    <row r="17" spans="2:5" s="34" customFormat="1" ht="15" x14ac:dyDescent="0.2">
      <c r="B17" s="42" t="s">
        <v>40</v>
      </c>
      <c r="C17" s="63" t="s">
        <v>41</v>
      </c>
      <c r="D17" s="63"/>
      <c r="E17" s="64"/>
    </row>
    <row r="18" spans="2:5" s="34" customFormat="1" ht="15" x14ac:dyDescent="0.2">
      <c r="B18" s="42" t="s">
        <v>42</v>
      </c>
      <c r="C18" s="63" t="s">
        <v>43</v>
      </c>
      <c r="D18" s="63"/>
      <c r="E18" s="64"/>
    </row>
    <row r="19" spans="2:5" s="34" customFormat="1" ht="15" x14ac:dyDescent="0.2">
      <c r="B19" s="42" t="s">
        <v>44</v>
      </c>
      <c r="C19" s="63" t="s">
        <v>45</v>
      </c>
      <c r="D19" s="63"/>
      <c r="E19" s="64"/>
    </row>
    <row r="20" spans="2:5" s="34" customFormat="1" ht="15" x14ac:dyDescent="0.2">
      <c r="B20" s="42" t="s">
        <v>46</v>
      </c>
      <c r="C20" s="63" t="s">
        <v>47</v>
      </c>
      <c r="D20" s="63"/>
      <c r="E20" s="64"/>
    </row>
    <row r="21" spans="2:5" s="34" customFormat="1" ht="15" x14ac:dyDescent="0.2">
      <c r="B21" s="42" t="s">
        <v>48</v>
      </c>
      <c r="C21" s="63" t="s">
        <v>49</v>
      </c>
      <c r="D21" s="63"/>
      <c r="E21" s="64"/>
    </row>
    <row r="22" spans="2:5" s="34" customFormat="1" ht="15" x14ac:dyDescent="0.2">
      <c r="B22" s="42" t="s">
        <v>50</v>
      </c>
      <c r="C22" s="63" t="s">
        <v>51</v>
      </c>
      <c r="D22" s="63"/>
      <c r="E22" s="64"/>
    </row>
    <row r="23" spans="2:5" s="34" customFormat="1" ht="15" x14ac:dyDescent="0.2">
      <c r="B23" s="42" t="s">
        <v>52</v>
      </c>
      <c r="C23" s="63" t="s">
        <v>53</v>
      </c>
      <c r="D23" s="63"/>
      <c r="E23" s="64"/>
    </row>
    <row r="24" spans="2:5" s="34" customFormat="1" ht="15" x14ac:dyDescent="0.2">
      <c r="B24" s="42" t="s">
        <v>54</v>
      </c>
      <c r="C24" s="63" t="s">
        <v>55</v>
      </c>
      <c r="D24" s="63"/>
      <c r="E24" s="64"/>
    </row>
    <row r="25" spans="2:5" s="34" customFormat="1" ht="15" x14ac:dyDescent="0.2">
      <c r="B25" s="42" t="s">
        <v>56</v>
      </c>
      <c r="C25" s="63" t="s">
        <v>57</v>
      </c>
      <c r="D25" s="63"/>
      <c r="E25" s="64"/>
    </row>
    <row r="26" spans="2:5" s="34" customFormat="1" ht="15" x14ac:dyDescent="0.2">
      <c r="B26" s="42" t="s">
        <v>58</v>
      </c>
      <c r="C26" s="63" t="s">
        <v>59</v>
      </c>
      <c r="D26" s="63"/>
      <c r="E26" s="64"/>
    </row>
    <row r="27" spans="2:5" s="34" customFormat="1" ht="15" x14ac:dyDescent="0.2">
      <c r="B27" s="42" t="s">
        <v>60</v>
      </c>
      <c r="C27" s="63" t="s">
        <v>61</v>
      </c>
      <c r="D27" s="63"/>
      <c r="E27" s="64"/>
    </row>
    <row r="28" spans="2:5" s="34" customFormat="1" ht="15.75" thickBot="1" x14ac:dyDescent="0.25">
      <c r="B28" s="42" t="s">
        <v>62</v>
      </c>
      <c r="C28" s="63" t="s">
        <v>61</v>
      </c>
      <c r="D28" s="63"/>
      <c r="E28" s="64"/>
    </row>
    <row r="29" spans="2:5" s="34" customFormat="1" ht="16.5" thickBot="1" x14ac:dyDescent="0.3">
      <c r="B29" s="40" t="s">
        <v>63</v>
      </c>
      <c r="C29" s="67" t="s">
        <v>64</v>
      </c>
      <c r="D29" s="68"/>
      <c r="E29" s="69"/>
    </row>
    <row r="30" spans="2:5" s="34" customFormat="1" ht="15" x14ac:dyDescent="0.2">
      <c r="B30" s="43"/>
      <c r="C30" s="44"/>
      <c r="D30" s="44"/>
      <c r="E30" s="45"/>
    </row>
    <row r="31" spans="2:5" s="34" customFormat="1" ht="18.75" thickBot="1" x14ac:dyDescent="0.3">
      <c r="B31" s="39">
        <v>2</v>
      </c>
      <c r="C31" s="46" t="s">
        <v>65</v>
      </c>
      <c r="E31" s="47"/>
    </row>
    <row r="32" spans="2:5" s="34" customFormat="1" ht="15" x14ac:dyDescent="0.2">
      <c r="B32" s="48" t="s">
        <v>66</v>
      </c>
      <c r="C32" s="70" t="s">
        <v>67</v>
      </c>
      <c r="D32" s="70"/>
      <c r="E32" s="71"/>
    </row>
    <row r="33" spans="2:5" s="34" customFormat="1" ht="15" x14ac:dyDescent="0.2">
      <c r="B33" s="49" t="s">
        <v>68</v>
      </c>
      <c r="C33" s="63" t="s">
        <v>69</v>
      </c>
      <c r="D33" s="63"/>
      <c r="E33" s="64"/>
    </row>
    <row r="34" spans="2:5" s="34" customFormat="1" ht="15" x14ac:dyDescent="0.2">
      <c r="B34" s="49" t="s">
        <v>70</v>
      </c>
      <c r="C34" s="63" t="s">
        <v>71</v>
      </c>
      <c r="D34" s="63"/>
      <c r="E34" s="64"/>
    </row>
    <row r="35" spans="2:5" s="34" customFormat="1" ht="15" x14ac:dyDescent="0.2">
      <c r="B35" s="49" t="s">
        <v>72</v>
      </c>
      <c r="C35" s="63" t="s">
        <v>73</v>
      </c>
      <c r="D35" s="63"/>
      <c r="E35" s="64"/>
    </row>
    <row r="36" spans="2:5" s="34" customFormat="1" ht="15" x14ac:dyDescent="0.2">
      <c r="B36" s="49" t="s">
        <v>74</v>
      </c>
      <c r="C36" s="63" t="s">
        <v>75</v>
      </c>
      <c r="D36" s="63"/>
      <c r="E36" s="64"/>
    </row>
    <row r="37" spans="2:5" s="34" customFormat="1" ht="15" x14ac:dyDescent="0.2">
      <c r="B37" s="49" t="s">
        <v>76</v>
      </c>
      <c r="C37" s="63" t="s">
        <v>77</v>
      </c>
      <c r="D37" s="63"/>
      <c r="E37" s="64"/>
    </row>
    <row r="38" spans="2:5" s="34" customFormat="1" ht="15.75" thickBot="1" x14ac:dyDescent="0.25">
      <c r="B38" s="50" t="s">
        <v>78</v>
      </c>
      <c r="C38" s="65" t="s">
        <v>79</v>
      </c>
      <c r="D38" s="65"/>
      <c r="E38" s="66"/>
    </row>
  </sheetData>
  <sheetProtection password="8D5E" sheet="1" objects="1" scenarios="1"/>
  <mergeCells count="34">
    <mergeCell ref="A1:F1"/>
    <mergeCell ref="C35:E35"/>
    <mergeCell ref="C36:E36"/>
    <mergeCell ref="C37:E37"/>
    <mergeCell ref="C3:E3"/>
    <mergeCell ref="C5:E5"/>
    <mergeCell ref="C7:E7"/>
    <mergeCell ref="C6:E6"/>
    <mergeCell ref="C8:E8"/>
    <mergeCell ref="C9:E9"/>
    <mergeCell ref="C10:E10"/>
    <mergeCell ref="C11:E11"/>
    <mergeCell ref="C12:E12"/>
    <mergeCell ref="C13:E13"/>
    <mergeCell ref="C38:E38"/>
    <mergeCell ref="C29:E29"/>
    <mergeCell ref="C32:E32"/>
    <mergeCell ref="C33:E33"/>
    <mergeCell ref="C34:E34"/>
    <mergeCell ref="C28:E28"/>
    <mergeCell ref="C20:E20"/>
    <mergeCell ref="C21:E21"/>
    <mergeCell ref="C22:E22"/>
    <mergeCell ref="C23:E23"/>
    <mergeCell ref="C26:E26"/>
    <mergeCell ref="C27:E27"/>
    <mergeCell ref="C24:E24"/>
    <mergeCell ref="C25:E25"/>
    <mergeCell ref="C18:E18"/>
    <mergeCell ref="C19:E19"/>
    <mergeCell ref="C14:E14"/>
    <mergeCell ref="C15:E15"/>
    <mergeCell ref="C16:E16"/>
    <mergeCell ref="C17:E17"/>
  </mergeCells>
  <phoneticPr fontId="19" type="noConversion"/>
  <dataValidations count="1">
    <dataValidation allowBlank="1" showInputMessage="1" showErrorMessage="1" prompt="Bitte führen Sie hier sonstige Kosten einzeln auf (z. B. für einzelne Dienstleistungen / Veranstaltungen / Tagungen / Events innerhalb des Projektes, soweit nicht anders zuordenbar; detaillierte Erläuterung, auch formlos, unabdingbar)" sqref="C27:C28"/>
  </dataValidations>
  <printOptions horizontalCentered="1"/>
  <pageMargins left="0.39370078740157483" right="0.23622047244094491" top="0.82677165354330717" bottom="0.59055118110236227" header="0.51181102362204722" footer="0.35433070866141736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2</vt:i4>
      </vt:variant>
      <vt:variant>
        <vt:lpstr>Benannte Bereiche</vt:lpstr>
      </vt:variant>
      <vt:variant>
        <vt:i4>2</vt:i4>
      </vt:variant>
    </vt:vector>
  </HeadingPairs>
  <TitlesOfParts>
    <vt:vector size="4" baseType="lpstr">
      <vt:lpstr>Belegliste(n)</vt:lpstr>
      <vt:lpstr>Legende Belegliste</vt:lpstr>
      <vt:lpstr>'Legende Belegliste'!Druckbereich</vt:lpstr>
      <vt:lpstr>'Belegliste(n)'!Drucktitel</vt:lpstr>
    </vt:vector>
  </TitlesOfParts>
  <Company>Bundesamt für den Zivildiens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rk Kühnemann</dc:creator>
  <cp:lastModifiedBy>Marcus Hildebrandt</cp:lastModifiedBy>
  <cp:lastPrinted>2018-04-17T14:13:48Z</cp:lastPrinted>
  <dcterms:created xsi:type="dcterms:W3CDTF">2015-08-04T06:39:42Z</dcterms:created>
  <dcterms:modified xsi:type="dcterms:W3CDTF">2019-04-04T05:10:38Z</dcterms:modified>
</cp:coreProperties>
</file>